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309" r:id="rId5"/>
    <p:sldId id="319" r:id="rId6"/>
    <p:sldId id="334" r:id="rId7"/>
    <p:sldId id="325" r:id="rId8"/>
    <p:sldId id="333" r:id="rId9"/>
    <p:sldId id="287" r:id="rId10"/>
  </p:sldIdLst>
  <p:sldSz cx="12192000" cy="6858000"/>
  <p:notesSz cx="6808788" cy="9940925"/>
  <p:defaultTextStyle>
    <a:defPPr rtl="0">
      <a:defRPr lang="fo-F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FDFDFD"/>
    <a:srgbClr val="FDCF41"/>
    <a:srgbClr val="006EB6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75B55E0-FDDB-41E3-A616-18D72F41AD75}" v="5" dt="2023-03-08T08:30:47.910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99" autoAdjust="0"/>
    <p:restoredTop sz="86473" autoAdjust="0"/>
  </p:normalViewPr>
  <p:slideViewPr>
    <p:cSldViewPr snapToGrid="0" showGuides="1">
      <p:cViewPr varScale="1">
        <p:scale>
          <a:sx n="60" d="100"/>
          <a:sy n="60" d="100"/>
        </p:scale>
        <p:origin x="84" y="56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08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08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fo"/>
              <a:t>Click to edit Master text styles</a:t>
            </a:r>
          </a:p>
          <a:p>
            <a:pPr lvl="1" rtl="0"/>
            <a:r>
              <a:rPr lang="fo"/>
              <a:t>Second level</a:t>
            </a:r>
          </a:p>
          <a:p>
            <a:pPr lvl="2" rtl="0"/>
            <a:r>
              <a:rPr lang="fo"/>
              <a:t>Third level</a:t>
            </a:r>
          </a:p>
          <a:p>
            <a:pPr lvl="3" rtl="0"/>
            <a:r>
              <a:rPr lang="fo"/>
              <a:t>Fourth level</a:t>
            </a:r>
          </a:p>
          <a:p>
            <a:pPr lvl="4" rtl="0"/>
            <a:r>
              <a:rPr lang="fo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o-FO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æmingarnir fara at skilja, at arbeiðsumhvørvið ávirkar teirra vælferð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14172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Bið næmingarnar taka samanum frá hinum tímunum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Øðrvísi venjing: lat næmingarnar tosa við persónin, sum situr tættas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purningarnir, sum tú eigur at spyrja eru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að eru tvey ymisk viðurskifti av arbeiðsumhvørvinum, hvørji eru tey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kropsligt og sálarligt arbeiðsumhvørvi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t er ein vandi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t.d. tung lyfting, larmur og arbeiðsstøð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t er eitt heilsuviðurskifti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t.d. strongd, vælferð og javnrættind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ussu brúkar tú talgild tól á ein haldgóðan hát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tak steðgir við eitt nú 20-20-20, sløkk onkuntíð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ussu broytast arbeiðsumhvørvi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var: Arbeiðsumhvørvi broytast við tíðini, so hvørt sum størv krevja nýtt innihald, nýggja tøkni o.s.fr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o-F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ís ein film fyri at geva næmingunum íblástur til næstu venjing. Filmurin vísir ymisk sløg av arbeiðsplássum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567959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egleiðing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15000"/>
              </a:lnSpc>
              <a:buFont typeface="+mj-lt"/>
              <a:buAutoNum type="arabicPeriod"/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Být næmingarnar í pør ella bólkar (í mesta lagi 4 næmingar í hvønn bólk). Uppgávan hjá næmingunum er at skapa eitt arbeiðsumhvørvi, sum gevur starvsfólki bestu umstøður til eitt sunt arbeiðslív. Í venjingini fara næmingarnir at brúka tað, sum teir hava lært í tímunum frammanundan. Venjingin verður næstu ferð løgd fram fyri øllum flokkinum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Gev hvørjum bólki Skapa Títt Egna Arbeiðsumhvørvi skapilónina. Har eru fýra spurningar við teknunum niðanfyri. Tak samamum tekinini og spurningarnar, so at næmingarnir vita, hvat tekinini merkj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u="sng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Kropsliga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Ergonomi og trýst. Hvussu tú situr, stendur og gongur. </a:t>
            </a:r>
            <a:br>
              <a:rPr lang="fo-FO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ørja útgerð tú brúkar, og hvussu tú berur okkurt tungt, til dømis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jóð, ljós og luft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økni, tól, hættislig evni og tryg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u="sng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álarliga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rongd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ríð, trýst og broyting og hvíl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eiðsl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uðul frá leiðara/starvsfelagar, rós og samskift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Vælferð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Felagsskapur, uppgávur, ávirkan og samban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ig við næmingarnar, at teir fara at leggja síni arbeiðsumhvørvi fram fyri hvørjum øðrum í næsta tíma. Savna inn framløgurnar og hav tær við til næsta tím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f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f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fo"/>
              <a:t>Click to add chart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 or tabl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 or tabl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fo"/>
              <a:t>Click to add char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fo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/>
              <a:t>insert picture via </a:t>
            </a:r>
            <a:r>
              <a:rPr lang="fo" sz="900" b="1"/>
              <a:t>Add Images</a:t>
            </a:r>
            <a:r>
              <a:rPr lang="fo" sz="900"/>
              <a:t>-button </a:t>
            </a:r>
            <a:br>
              <a:rPr lang="en-GB" sz="900" dirty="0"/>
            </a:br>
            <a:r>
              <a:rPr lang="fo" sz="900"/>
              <a:t>in the </a:t>
            </a:r>
            <a:r>
              <a:rPr lang="fo" sz="900" b="1"/>
              <a:t>NORDEN-</a:t>
            </a:r>
            <a:r>
              <a:rPr lang="fo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fo" sz="900" b="1">
                <a:latin typeface="+mn-lt"/>
              </a:rPr>
              <a:t>NORDEN</a:t>
            </a:r>
            <a:r>
              <a:rPr lang="fo" sz="900" b="0">
                <a:latin typeface="+mn-lt"/>
              </a:rPr>
              <a:t>-TAB and</a:t>
            </a:r>
            <a:r>
              <a:rPr lang="fo" sz="900">
                <a:latin typeface="+mn-lt"/>
              </a:rPr>
              <a:t>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fo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fo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f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fo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fo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fo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fo"/>
              <a:t>Click to add text or conten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Use bold for highlighted text,</a:t>
            </a:r>
            <a:br>
              <a:rPr lang="en-GB" dirty="0"/>
            </a:br>
            <a:r>
              <a:rPr lang="fo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fo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fo"/>
              <a:t>Click to edit Master text styles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  <a:p>
            <a:pPr lvl="5" rtl="0"/>
            <a:r>
              <a:rPr lang="fo"/>
              <a:t>Sixth level</a:t>
            </a:r>
            <a:endParaRPr lang="sv-SE"/>
          </a:p>
          <a:p>
            <a:pPr lvl="6" rtl="0"/>
            <a:r>
              <a:rPr lang="fo"/>
              <a:t>Seventh level</a:t>
            </a:r>
            <a:endParaRPr lang="sv-SE"/>
          </a:p>
          <a:p>
            <a:pPr lvl="7" rtl="0"/>
            <a:r>
              <a:rPr lang="fo"/>
              <a:t>Eight level</a:t>
            </a:r>
            <a:endParaRPr lang="sv-SE"/>
          </a:p>
          <a:p>
            <a:pPr lvl="8" rtl="0"/>
            <a:r>
              <a:rPr lang="fo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4" Type="http://schemas.openxmlformats.org/officeDocument/2006/relationships/image" Target="../media/image13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7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6" Type="http://schemas.openxmlformats.org/officeDocument/2006/relationships/image" Target="../media/image16.jpeg"/><Relationship Id="rId5" Type="http://schemas.openxmlformats.org/officeDocument/2006/relationships/image" Target="../media/image15.jpeg"/><Relationship Id="rId4" Type="http://schemas.openxmlformats.org/officeDocument/2006/relationships/image" Target="../media/image1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19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3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325273" y="2137323"/>
            <a:ext cx="6075070" cy="1661419"/>
          </a:xfrm>
        </p:spPr>
        <p:txBody>
          <a:bodyPr rtlCol="0"/>
          <a:lstStyle/>
          <a:p>
            <a:pPr rtl="0"/>
            <a:r>
              <a:rPr lang="fo" sz="6000" dirty="0">
                <a:solidFill>
                  <a:schemeClr val="accent3"/>
                </a:solidFill>
              </a:rPr>
              <a:t>Skapa eitt dreyma arbeiðsumhvørvi</a:t>
            </a:r>
            <a:endParaRPr lang="en-GB" sz="6000" dirty="0">
              <a:solidFill>
                <a:schemeClr val="accent3"/>
              </a:solidFill>
            </a:endParaRPr>
          </a:p>
        </p:txBody>
      </p:sp>
      <p:sp>
        <p:nvSpPr>
          <p:cNvPr id="9" name="USR_Nam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r>
              <a:rPr lang="fo" dirty="0">
                <a:solidFill>
                  <a:schemeClr val="accent3"/>
                </a:solidFill>
              </a:rPr>
              <a:t>Tími 5 av 6 - “Kunnleiki til ung um arbeiðsumhvørvi” </a:t>
            </a:r>
          </a:p>
        </p:txBody>
      </p:sp>
      <p:sp>
        <p:nvSpPr>
          <p:cNvPr id="5" name="Date_DateCustomA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fo">
                <a:solidFill>
                  <a:schemeClr val="accent3"/>
                </a:solidFill>
              </a:rPr>
              <a:t>27.09.2021</a:t>
            </a:r>
          </a:p>
        </p:txBody>
      </p:sp>
      <p:sp>
        <p:nvSpPr>
          <p:cNvPr id="7" name="Slide Number Placeholder 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CFE02A47-4A9D-DD46-3EE0-F5EEA3EB08B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3976" y="5809216"/>
            <a:ext cx="2075114" cy="4877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6" y="679450"/>
            <a:ext cx="10836932" cy="1285875"/>
          </a:xfrm>
        </p:spPr>
        <p:txBody>
          <a:bodyPr rtlCol="0"/>
          <a:lstStyle/>
          <a:p>
            <a:r>
              <a:rPr lang="fo" dirty="0"/>
              <a:t>Hetta duga tit nú!</a:t>
            </a:r>
            <a:endParaRPr lang="da-DK" dirty="0"/>
          </a:p>
        </p:txBody>
      </p:sp>
      <p:sp>
        <p:nvSpPr>
          <p:cNvPr id="48" name="Platshållare för innehåll 47">
            <a:extLst>
              <a:ext uri="{FF2B5EF4-FFF2-40B4-BE49-F238E27FC236}">
                <a16:creationId xmlns:a16="http://schemas.microsoft.com/office/drawing/2014/main" id="{3F01688E-E4F9-475B-B486-B4C837ADC796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56568" y="1860381"/>
            <a:ext cx="4699000" cy="4029075"/>
          </a:xfrm>
        </p:spPr>
        <p:txBody>
          <a:bodyPr vert="horz" lIns="0" tIns="0" rIns="0" bIns="0" rtlCol="0" anchor="t">
            <a:noAutofit/>
          </a:bodyPr>
          <a:lstStyle/>
          <a:p>
            <a:pPr marL="467995" indent="-467995" rtl="0"/>
            <a:r>
              <a:rPr lang="fo" sz="2000" dirty="0"/>
              <a:t>Tað eru tvey ymisk viðurskifti av arbeiðsumhvørvinum, hvørji eru tey?</a:t>
            </a:r>
            <a:endParaRPr lang="da-DK" dirty="0"/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fo" sz="2000" dirty="0"/>
              <a:t>Hvat er ein vandi?</a:t>
            </a:r>
          </a:p>
          <a:p>
            <a:pPr marL="467995" indent="-467995" rtl="0"/>
            <a:r>
              <a:rPr lang="fo" sz="2000" dirty="0"/>
              <a:t>Hvat er eitt heilsuviðurskifti?</a:t>
            </a:r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fo" sz="2000" dirty="0"/>
              <a:t>Hvussu brúkar tú talgild tól á ein haldgóðan hátt?</a:t>
            </a:r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fo" sz="2000" dirty="0"/>
              <a:t>Hvussu broytist arbeiðsumhvørvi?</a:t>
            </a:r>
          </a:p>
        </p:txBody>
      </p:sp>
      <p:pic>
        <p:nvPicPr>
          <p:cNvPr id="46" name="Bildobjekt 45">
            <a:extLst>
              <a:ext uri="{FF2B5EF4-FFF2-40B4-BE49-F238E27FC236}">
                <a16:creationId xmlns:a16="http://schemas.microsoft.com/office/drawing/2014/main" id="{782C2177-0307-4E5D-B2F1-F29AA05663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50" name="Bildobjekt 49">
            <a:extLst>
              <a:ext uri="{FF2B5EF4-FFF2-40B4-BE49-F238E27FC236}">
                <a16:creationId xmlns:a16="http://schemas.microsoft.com/office/drawing/2014/main" id="{77E4DA6C-9AC2-47B7-920F-BA90CF8D0B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714500"/>
            <a:ext cx="3048000" cy="1714500"/>
          </a:xfrm>
          <a:prstGeom prst="rect">
            <a:avLst/>
          </a:prstGeom>
        </p:spPr>
      </p:pic>
      <p:pic>
        <p:nvPicPr>
          <p:cNvPr id="52" name="Bildobjekt 51">
            <a:extLst>
              <a:ext uri="{FF2B5EF4-FFF2-40B4-BE49-F238E27FC236}">
                <a16:creationId xmlns:a16="http://schemas.microsoft.com/office/drawing/2014/main" id="{7590271A-8CDE-4519-B46C-7F519A419B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54" name="Bildobjekt 53">
            <a:extLst>
              <a:ext uri="{FF2B5EF4-FFF2-40B4-BE49-F238E27FC236}">
                <a16:creationId xmlns:a16="http://schemas.microsoft.com/office/drawing/2014/main" id="{DC8BA721-6607-4ED4-A49D-D1A45554B9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1" y="0"/>
            <a:ext cx="3048000" cy="1714500"/>
          </a:xfrm>
          <a:prstGeom prst="rect">
            <a:avLst/>
          </a:prstGeom>
        </p:spPr>
      </p:pic>
      <p:pic>
        <p:nvPicPr>
          <p:cNvPr id="56" name="Bildobjekt 55">
            <a:extLst>
              <a:ext uri="{FF2B5EF4-FFF2-40B4-BE49-F238E27FC236}">
                <a16:creationId xmlns:a16="http://schemas.microsoft.com/office/drawing/2014/main" id="{17C987DC-2533-4CBF-9581-848FDD558B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052" r="18948"/>
          <a:stretch/>
        </p:blipFill>
        <p:spPr>
          <a:xfrm>
            <a:off x="9144000" y="0"/>
            <a:ext cx="3048000" cy="34290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 dirty="0"/>
              <a:t>Film </a:t>
            </a:r>
          </a:p>
        </p:txBody>
      </p:sp>
      <p:pic>
        <p:nvPicPr>
          <p:cNvPr id="5" name="1. Arbetsplatser">
            <a:hlinkClick r:id="" action="ppaction://media"/>
            <a:extLst>
              <a:ext uri="{FF2B5EF4-FFF2-40B4-BE49-F238E27FC236}">
                <a16:creationId xmlns:a16="http://schemas.microsoft.com/office/drawing/2014/main" id="{36821FE8-5B58-1B65-A801-4717FE61BCD1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20966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694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802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93737" y="388210"/>
            <a:ext cx="4735513" cy="1285875"/>
          </a:xfrm>
        </p:spPr>
        <p:txBody>
          <a:bodyPr rtlCol="0"/>
          <a:lstStyle/>
          <a:p>
            <a:pPr rtl="0"/>
            <a:r>
              <a:rPr lang="fo" dirty="0"/>
              <a:t>Skapa títt egna dreyma arbeiðsumhvørvi</a:t>
            </a:r>
            <a:endParaRPr lang="da-DK" dirty="0"/>
          </a:p>
        </p:txBody>
      </p:sp>
      <p:pic>
        <p:nvPicPr>
          <p:cNvPr id="24" name="Bildobjekt 23" descr="En bild som visar text, tecken, vektorgrafik&#10;&#10;Automatiskt genererad beskrivning">
            <a:extLst>
              <a:ext uri="{FF2B5EF4-FFF2-40B4-BE49-F238E27FC236}">
                <a16:creationId xmlns:a16="http://schemas.microsoft.com/office/drawing/2014/main" id="{D5DB4A3C-BBC9-4EF7-9819-9315ED816413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0248" y="2384920"/>
            <a:ext cx="963473" cy="1014687"/>
          </a:xfrm>
          <a:prstGeom prst="rect">
            <a:avLst/>
          </a:prstGeom>
        </p:spPr>
      </p:pic>
      <p:sp>
        <p:nvSpPr>
          <p:cNvPr id="32" name="textruta 31">
            <a:extLst>
              <a:ext uri="{FF2B5EF4-FFF2-40B4-BE49-F238E27FC236}">
                <a16:creationId xmlns:a16="http://schemas.microsoft.com/office/drawing/2014/main" id="{EF87FF39-7EBF-43E7-8F61-E0E133D5FC0A}"/>
              </a:ext>
            </a:extLst>
          </p:cNvPr>
          <p:cNvSpPr txBox="1"/>
          <p:nvPr/>
        </p:nvSpPr>
        <p:spPr>
          <a:xfrm>
            <a:off x="2359298" y="2574414"/>
            <a:ext cx="3711585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rtl="0"/>
            <a:r>
              <a:rPr lang="fo" sz="1800" b="1">
                <a:solidFill>
                  <a:schemeClr val="accent2"/>
                </a:solidFill>
              </a:rPr>
              <a:t>Hvat slag av </a:t>
            </a:r>
          </a:p>
          <a:p>
            <a:pPr rtl="0"/>
            <a:r>
              <a:rPr lang="fo" b="1">
                <a:solidFill>
                  <a:schemeClr val="accent2"/>
                </a:solidFill>
              </a:rPr>
              <a:t>arbeiðsplássi hava</a:t>
            </a:r>
            <a:r>
              <a:rPr lang="fo" sz="1800" b="1">
                <a:solidFill>
                  <a:schemeClr val="accent2"/>
                </a:solidFill>
              </a:rPr>
              <a:t> tit valt?</a:t>
            </a:r>
          </a:p>
          <a:p>
            <a:pPr rtl="0"/>
            <a:endParaRPr lang="sv-SE" sz="1800" b="1" dirty="0">
              <a:solidFill>
                <a:schemeClr val="accent2"/>
              </a:solidFill>
            </a:endParaRPr>
          </a:p>
        </p:txBody>
      </p:sp>
      <p:pic>
        <p:nvPicPr>
          <p:cNvPr id="26" name="Bildobjekt 25">
            <a:extLst>
              <a:ext uri="{FF2B5EF4-FFF2-40B4-BE49-F238E27FC236}">
                <a16:creationId xmlns:a16="http://schemas.microsoft.com/office/drawing/2014/main" id="{ADE84088-6FF9-432A-B602-34CED54B4E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3054" y="2390798"/>
            <a:ext cx="1002929" cy="1002929"/>
          </a:xfrm>
          <a:prstGeom prst="rect">
            <a:avLst/>
          </a:prstGeom>
        </p:spPr>
      </p:pic>
      <p:pic>
        <p:nvPicPr>
          <p:cNvPr id="28" name="Bildobjekt 27">
            <a:extLst>
              <a:ext uri="{FF2B5EF4-FFF2-40B4-BE49-F238E27FC236}">
                <a16:creationId xmlns:a16="http://schemas.microsoft.com/office/drawing/2014/main" id="{22C9C0DA-5FC2-41A8-BC72-329E5BE926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140" y="4572503"/>
            <a:ext cx="901688" cy="1002929"/>
          </a:xfrm>
          <a:prstGeom prst="rect">
            <a:avLst/>
          </a:prstGeom>
        </p:spPr>
      </p:pic>
      <p:pic>
        <p:nvPicPr>
          <p:cNvPr id="30" name="Bildobjekt 29">
            <a:extLst>
              <a:ext uri="{FF2B5EF4-FFF2-40B4-BE49-F238E27FC236}">
                <a16:creationId xmlns:a16="http://schemas.microsoft.com/office/drawing/2014/main" id="{CABAE0FF-F321-4F87-AE2A-21104CE86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674" y="4561834"/>
            <a:ext cx="901687" cy="1013598"/>
          </a:xfrm>
          <a:prstGeom prst="rect">
            <a:avLst/>
          </a:prstGeom>
        </p:spPr>
      </p:pic>
      <p:sp>
        <p:nvSpPr>
          <p:cNvPr id="33" name="textruta 32">
            <a:extLst>
              <a:ext uri="{FF2B5EF4-FFF2-40B4-BE49-F238E27FC236}">
                <a16:creationId xmlns:a16="http://schemas.microsoft.com/office/drawing/2014/main" id="{22575775-3508-4E51-950D-797995448FC7}"/>
              </a:ext>
            </a:extLst>
          </p:cNvPr>
          <p:cNvSpPr txBox="1"/>
          <p:nvPr/>
        </p:nvSpPr>
        <p:spPr>
          <a:xfrm>
            <a:off x="8080041" y="2619417"/>
            <a:ext cx="3711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fo" sz="1800" b="1">
                <a:solidFill>
                  <a:schemeClr val="accent2"/>
                </a:solidFill>
              </a:rPr>
              <a:t>Hvat er neyðugt</a:t>
            </a:r>
          </a:p>
          <a:p>
            <a:pPr rtl="0"/>
            <a:r>
              <a:rPr lang="fo" b="1">
                <a:solidFill>
                  <a:schemeClr val="accent2"/>
                </a:solidFill>
              </a:rPr>
              <a:t>fyri at gera arbeiðið?</a:t>
            </a:r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4" name="textruta 33">
            <a:extLst>
              <a:ext uri="{FF2B5EF4-FFF2-40B4-BE49-F238E27FC236}">
                <a16:creationId xmlns:a16="http://schemas.microsoft.com/office/drawing/2014/main" id="{4D7A9DFB-1B13-4604-B804-48DFD7E010A3}"/>
              </a:ext>
            </a:extLst>
          </p:cNvPr>
          <p:cNvSpPr txBox="1"/>
          <p:nvPr/>
        </p:nvSpPr>
        <p:spPr>
          <a:xfrm>
            <a:off x="2362067" y="4652102"/>
            <a:ext cx="338228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fo" sz="1800" b="1">
                <a:solidFill>
                  <a:schemeClr val="accent2"/>
                </a:solidFill>
              </a:rPr>
              <a:t>Hvørji kropslig </a:t>
            </a:r>
          </a:p>
          <a:p>
            <a:pPr rtl="0"/>
            <a:r>
              <a:rPr lang="fo" sz="1800" b="1">
                <a:solidFill>
                  <a:schemeClr val="accent2"/>
                </a:solidFill>
              </a:rPr>
              <a:t>viðurskifti í arbeiðsumhvørvinum </a:t>
            </a:r>
          </a:p>
          <a:p>
            <a:pPr rtl="0"/>
            <a:r>
              <a:rPr lang="fo" sz="1800" b="1">
                <a:solidFill>
                  <a:schemeClr val="accent2"/>
                </a:solidFill>
              </a:rPr>
              <a:t>eru týdningarmikil? </a:t>
            </a:r>
            <a:r>
              <a:rPr lang="fo" sz="1800">
                <a:solidFill>
                  <a:schemeClr val="accent2"/>
                </a:solidFill>
              </a:rPr>
              <a:t> </a:t>
            </a:r>
          </a:p>
        </p:txBody>
      </p:sp>
      <p:sp>
        <p:nvSpPr>
          <p:cNvPr id="35" name="textruta 34">
            <a:extLst>
              <a:ext uri="{FF2B5EF4-FFF2-40B4-BE49-F238E27FC236}">
                <a16:creationId xmlns:a16="http://schemas.microsoft.com/office/drawing/2014/main" id="{186CE380-C13D-4E44-90FD-E3B6AFF1C046}"/>
              </a:ext>
            </a:extLst>
          </p:cNvPr>
          <p:cNvSpPr txBox="1"/>
          <p:nvPr/>
        </p:nvSpPr>
        <p:spPr>
          <a:xfrm>
            <a:off x="8080040" y="4652102"/>
            <a:ext cx="3711586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fo" sz="1800" b="1">
                <a:solidFill>
                  <a:schemeClr val="accent2"/>
                </a:solidFill>
              </a:rPr>
              <a:t>Hvørji viðurskifti </a:t>
            </a:r>
            <a:r>
              <a:rPr lang="fo" b="1">
                <a:solidFill>
                  <a:schemeClr val="accent2"/>
                </a:solidFill>
              </a:rPr>
              <a:t>í sálarliga </a:t>
            </a:r>
            <a:r>
              <a:rPr lang="fo" sz="1800" b="1">
                <a:solidFill>
                  <a:schemeClr val="accent2"/>
                </a:solidFill>
              </a:rPr>
              <a:t>arbeiðsumhvørvinum</a:t>
            </a:r>
            <a:r>
              <a:rPr lang="fo" b="1">
                <a:solidFill>
                  <a:schemeClr val="accent2"/>
                </a:solidFill>
              </a:rPr>
              <a:t> </a:t>
            </a:r>
            <a:endParaRPr lang="fo" sz="1800" b="1">
              <a:solidFill>
                <a:schemeClr val="accent2"/>
              </a:solidFill>
            </a:endParaRPr>
          </a:p>
          <a:p>
            <a:pPr rtl="0"/>
            <a:r>
              <a:rPr lang="fo" sz="1800" b="1">
                <a:solidFill>
                  <a:schemeClr val="accent2"/>
                </a:solidFill>
              </a:rPr>
              <a:t>eru týdningarmikil? </a:t>
            </a:r>
            <a:r>
              <a:rPr lang="fo" sz="1800">
                <a:solidFill>
                  <a:schemeClr val="accent2"/>
                </a:solidFill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451233"/>
            <a:ext cx="4698964" cy="3661047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fo" sz="2400" b="1" dirty="0"/>
              <a:t>Kropslig</a:t>
            </a:r>
            <a:endParaRPr lang="da-DK" sz="2400" b="1" dirty="0"/>
          </a:p>
          <a:p>
            <a:pPr marL="0" indent="0" rtl="0">
              <a:buNone/>
            </a:pPr>
            <a:r>
              <a:rPr lang="fo" b="1" dirty="0"/>
              <a:t>Ergonomi og trýst</a:t>
            </a:r>
          </a:p>
          <a:p>
            <a:pPr marL="0" indent="0">
              <a:buNone/>
            </a:pPr>
            <a:r>
              <a:rPr lang="fo" dirty="0"/>
              <a:t>Hvussu tú situr, stendur og gongur. </a:t>
            </a:r>
            <a:br>
              <a:rPr lang="sv-SE" dirty="0"/>
            </a:br>
            <a:r>
              <a:rPr lang="fo" dirty="0"/>
              <a:t>Hvørja útgerð tú brúkar, og hvussu tú t.d. berur okkurt tungt.</a:t>
            </a:r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fo" b="1" dirty="0"/>
              <a:t>Ljóð, ljós og luft</a:t>
            </a:r>
          </a:p>
          <a:p>
            <a:pPr marL="0" indent="0" rtl="0">
              <a:buNone/>
            </a:pPr>
            <a:r>
              <a:rPr lang="fo" sz="1800" dirty="0"/>
              <a:t>Hvussu tú upplivir tínar kropsligu umstøður, verður tú blindaður av bjørtum ljósum? Er tað nóg heitt?</a:t>
            </a:r>
            <a:endParaRPr lang="sv-SE" b="1" dirty="0"/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fo" b="1" dirty="0"/>
              <a:t>Tøkni, tól, hættislig evni og trygd.</a:t>
            </a:r>
          </a:p>
          <a:p>
            <a:pPr marL="0" indent="0" rtl="0">
              <a:buNone/>
            </a:pPr>
            <a:r>
              <a:rPr lang="fo" sz="1800" dirty="0"/>
              <a:t>Hvussu </a:t>
            </a:r>
            <a:r>
              <a:rPr lang="fo" dirty="0"/>
              <a:t>arbeiðshjálpartól</a:t>
            </a:r>
            <a:r>
              <a:rPr lang="fo" sz="1800" dirty="0"/>
              <a:t> </a:t>
            </a:r>
            <a:r>
              <a:rPr lang="fo" dirty="0"/>
              <a:t>ávirka</a:t>
            </a:r>
            <a:r>
              <a:rPr lang="fo" sz="1800" dirty="0"/>
              <a:t> okkum: Alt frá telduforrit til verndarútgerð.</a:t>
            </a:r>
          </a:p>
          <a:p>
            <a:pPr marL="467995" indent="-467995" rtl="0"/>
            <a:endParaRPr lang="sv-SE" b="1" dirty="0"/>
          </a:p>
          <a:p>
            <a:pPr marL="0" indent="0" rtl="0">
              <a:lnSpc>
                <a:spcPct val="115000"/>
              </a:lnSpc>
              <a:buNone/>
            </a:pPr>
            <a:endParaRPr lang="sv-SE" sz="1800" dirty="0">
              <a:effectLst/>
              <a:latin typeface="Arial" panose="020B0604020202020204" pitchFamily="34" charset="0"/>
              <a:ea typeface="Arial" panose="020B0604020202020204" pitchFamily="34" charset="0"/>
            </a:endParaRPr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5439432" cy="1285875"/>
          </a:xfrm>
        </p:spPr>
        <p:txBody>
          <a:bodyPr rtlCol="0"/>
          <a:lstStyle/>
          <a:p>
            <a:pPr rtl="0"/>
            <a:r>
              <a:rPr lang="fo" sz="4400" dirty="0"/>
              <a:t>Viðurskifti á arbeiðsumhvørvinum</a:t>
            </a:r>
            <a:br>
              <a:rPr lang="sv-SE" sz="4400" dirty="0"/>
            </a:br>
            <a:r>
              <a:rPr lang="fo" sz="4400" dirty="0"/>
              <a:t>dømi</a:t>
            </a:r>
            <a:endParaRPr lang="da-DK" sz="4400" dirty="0"/>
          </a:p>
        </p:txBody>
      </p:sp>
      <p:sp>
        <p:nvSpPr>
          <p:cNvPr id="14" name="Platshållare för innehåll 1">
            <a:extLst>
              <a:ext uri="{FF2B5EF4-FFF2-40B4-BE49-F238E27FC236}">
                <a16:creationId xmlns:a16="http://schemas.microsoft.com/office/drawing/2014/main" id="{6505C62B-09D2-4649-A2BC-960F65246281}"/>
              </a:ext>
            </a:extLst>
          </p:cNvPr>
          <p:cNvSpPr txBox="1">
            <a:spLocks/>
          </p:cNvSpPr>
          <p:nvPr/>
        </p:nvSpPr>
        <p:spPr>
          <a:xfrm>
            <a:off x="6096000" y="2451233"/>
            <a:ext cx="5702710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lnSpc>
                <a:spcPct val="115000"/>
              </a:lnSpc>
              <a:buNone/>
            </a:pPr>
            <a:r>
              <a:rPr lang="fo" sz="2400" b="1" dirty="0"/>
              <a:t>Sálarlig</a:t>
            </a:r>
          </a:p>
          <a:p>
            <a:pPr marL="0" indent="0" rtl="0">
              <a:buNone/>
            </a:pPr>
            <a:r>
              <a:rPr lang="fo" b="1" dirty="0"/>
              <a:t>Strongd og krøv</a:t>
            </a:r>
          </a:p>
          <a:p>
            <a:pPr marL="0" indent="0" rtl="0">
              <a:buNone/>
            </a:pPr>
            <a:r>
              <a:rPr lang="fo" dirty="0"/>
              <a:t>Stríð, trýst og broyting og hvíld.</a:t>
            </a:r>
          </a:p>
          <a:p>
            <a:pPr marL="0" indent="0" rtl="0">
              <a:buNone/>
            </a:pPr>
            <a:r>
              <a:rPr lang="fo" b="1" dirty="0"/>
              <a:t>Leiðsla</a:t>
            </a:r>
          </a:p>
          <a:p>
            <a:pPr marL="0" indent="0" rtl="0">
              <a:buNone/>
            </a:pPr>
            <a:r>
              <a:rPr lang="fo" dirty="0"/>
              <a:t>Stuðul frá leiðara/starvsfelagum, rós og samskifti.</a:t>
            </a:r>
          </a:p>
          <a:p>
            <a:pPr marL="0" indent="0" rtl="0">
              <a:buNone/>
            </a:pPr>
            <a:r>
              <a:rPr lang="fo" b="1" dirty="0"/>
              <a:t>Vælferð</a:t>
            </a:r>
          </a:p>
          <a:p>
            <a:pPr marL="0" indent="0" rtl="0">
              <a:buNone/>
            </a:pPr>
            <a:r>
              <a:rPr lang="fo" dirty="0"/>
              <a:t>Felagsskapur, ávirkan og ál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0D97A8B3-DB24-4ACB-A1D9-F034A5F9DB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285" t="5069" r="48905" b="1476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9" name="LAN_Thanks">
            <a:extLst>
              <a:ext uri="{FF2B5EF4-FFF2-40B4-BE49-F238E27FC236}">
                <a16:creationId xmlns:a16="http://schemas.microsoft.com/office/drawing/2014/main" id="{559FA02F-A9AC-4309-A8F3-44663EE1B51E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426068" y="1802981"/>
            <a:ext cx="8167098" cy="149066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7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o" sz="7800" b="1" i="0" u="none" strike="noStrike" kern="1200" cap="none" spc="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Frálíkt!</a:t>
            </a:r>
            <a:br>
              <a:rPr kumimoji="0" lang="en-GB" sz="7800" b="1" i="0" u="none" strike="noStrike" kern="1200" cap="none" spc="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</a:br>
            <a:endParaRPr kumimoji="0" lang="en-GB" sz="7800" b="1" i="0" u="none" strike="noStrike" kern="1200" cap="none" spc="0" normalizeH="0" baseline="0" noProof="0" dirty="0">
              <a:ln>
                <a:noFill/>
              </a:ln>
              <a:solidFill>
                <a:schemeClr val="accent6"/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10" name="textruta 9">
            <a:extLst>
              <a:ext uri="{FF2B5EF4-FFF2-40B4-BE49-F238E27FC236}">
                <a16:creationId xmlns:a16="http://schemas.microsoft.com/office/drawing/2014/main" id="{B45E1075-A258-488F-A580-0C30E8A27E20}"/>
              </a:ext>
            </a:extLst>
          </p:cNvPr>
          <p:cNvSpPr txBox="1"/>
          <p:nvPr/>
        </p:nvSpPr>
        <p:spPr>
          <a:xfrm>
            <a:off x="2426068" y="2921168"/>
            <a:ext cx="6139501" cy="677108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pPr rtl="0"/>
            <a:r>
              <a:rPr lang="fo" sz="2200">
                <a:solidFill>
                  <a:schemeClr val="accent6"/>
                </a:solidFill>
              </a:rPr>
              <a:t>Hvat fert tú at siga okkum um títt arbeiðsumhvørvið?</a:t>
            </a:r>
          </a:p>
          <a:p>
            <a:pPr rtl="0"/>
            <a:r>
              <a:rPr lang="fo" sz="2200">
                <a:solidFill>
                  <a:schemeClr val="accent6"/>
                </a:solidFill>
              </a:rPr>
              <a:t>Hugsa um tað til næstu ferð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737E26FC-B8DC-4626-B0B1-E087CA0F6866}">
  <ds:schemaRefs>
    <ds:schemaRef ds:uri="http://schemas.microsoft.com/office/2006/documentManagement/types"/>
    <ds:schemaRef ds:uri="8c631e49-1351-41f8-85ca-9c948efef50d"/>
    <ds:schemaRef ds:uri="http://www.w3.org/XML/1998/namespace"/>
    <ds:schemaRef ds:uri="7a8c5c01-e03e-4ef4-9a1c-76044e77be70"/>
    <ds:schemaRef ds:uri="http://schemas.openxmlformats.org/package/2006/metadata/core-properties"/>
    <ds:schemaRef ds:uri="http://schemas.microsoft.com/office/2006/metadata/properties"/>
    <ds:schemaRef ds:uri="http://purl.org/dc/terms/"/>
    <ds:schemaRef ds:uri="http://purl.org/dc/elements/1.1/"/>
    <ds:schemaRef ds:uri="http://schemas.microsoft.com/office/infopath/2007/PartnerControl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DA98F7B2-9DEF-4ED9-9F6B-4AD375F3BF8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89</Words>
  <Application>Microsoft Office PowerPoint</Application>
  <PresentationFormat>Bredbild</PresentationFormat>
  <Paragraphs>80</Paragraphs>
  <Slides>6</Slides>
  <Notes>6</Notes>
  <HiddenSlides>0</HiddenSlides>
  <MMClips>1</MMClips>
  <ScaleCrop>false</ScaleCrop>
  <HeadingPairs>
    <vt:vector size="6" baseType="variant">
      <vt:variant>
        <vt:lpstr>Använt teckensnitt</vt:lpstr>
      </vt:variant>
      <vt:variant>
        <vt:i4>5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6</vt:i4>
      </vt:variant>
    </vt:vector>
  </HeadingPairs>
  <TitlesOfParts>
    <vt:vector size="12" baseType="lpstr">
      <vt:lpstr>Arial</vt:lpstr>
      <vt:lpstr>Calibri</vt:lpstr>
      <vt:lpstr>Corbel</vt:lpstr>
      <vt:lpstr>Open Sans</vt:lpstr>
      <vt:lpstr>Symbol</vt:lpstr>
      <vt:lpstr>16-9 skabelon UK 2010</vt:lpstr>
      <vt:lpstr>Skapa eitt dreyma arbeiðsumhvørvi</vt:lpstr>
      <vt:lpstr>Hetta duga tit nú!</vt:lpstr>
      <vt:lpstr>Film </vt:lpstr>
      <vt:lpstr>Skapa títt egna dreyma arbeiðsumhvørvi</vt:lpstr>
      <vt:lpstr>Viðurskifti á arbeiðsumhvørvinum dømi</vt:lpstr>
      <vt:lpstr>Frálíkt!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kapa en drömarbetsmiljö</dc:title>
  <dc:creator/>
  <cp:lastModifiedBy/>
  <cp:revision>60</cp:revision>
  <dcterms:modified xsi:type="dcterms:W3CDTF">2023-03-08T08:30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